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845FF0CB-1E63-4591-AAAB-91BBF97AD0F7}" xr6:coauthVersionLast="36" xr6:coauthVersionMax="47" xr10:uidLastSave="{00000000-0000-0000-0000-000000000000}"/>
  <bookViews>
    <workbookView xWindow="1470" yWindow="1470" windowWidth="23670" windowHeight="12750" xr2:uid="{00000000-000D-0000-FFFF-FFFF00000000}"/>
  </bookViews>
  <sheets>
    <sheet name="CustomerGrade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23" uniqueCount="17">
  <si>
    <t xml:space="preserve">部屋代のみ      </t>
  </si>
  <si>
    <t xml:space="preserve">ｿﾌﾄ飲み放題     </t>
  </si>
  <si>
    <t xml:space="preserve">ｱﾙｺｰﾙ飲み放題B  </t>
  </si>
  <si>
    <t xml:space="preserve">ｱﾙｺｰﾙ飲み放題C  </t>
  </si>
  <si>
    <t xml:space="preserve">                </t>
  </si>
  <si>
    <t xml:space="preserve">ﾌﾟﾚﾐｱﾑｺｰｽ       </t>
  </si>
  <si>
    <t>ID</t>
  </si>
  <si>
    <t>Name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\r\n</t>
  </si>
  <si>
    <t>Japanese_CI_A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33" borderId="10" xfId="0" applyNumberFormat="1" applyFill="1" applyBorder="1">
      <alignment vertical="center"/>
    </xf>
    <xf numFmtId="49" fontId="0" fillId="0" borderId="10" xfId="0" applyNumberFormat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345E5F68-9A04-412C-8FCF-44D1ACC00D08}" name="テーブル1" displayName="テーブル1" ref="A1:F5" totalsRowShown="0">
  <autoFilter ref="A1:F5" xr:uid="{B59A9EA2-B89F-4DD5-B6A5-55279B7AF1E9}"/>
  <tableColumns count="6">
    <tableColumn id="1" xr3:uid="{B0C29977-DD89-405A-A2B9-610889E14224}" name="ID"/>
    <tableColumn id="2" xr3:uid="{807FB327-FEE4-40C6-9336-516685119783}" name="TERMINATOR"/>
    <tableColumn id="3" xr3:uid="{DD369DF4-41C7-463B-AEE6-5DC5C4A11C7E}" name="MAX_LENGTH"/>
    <tableColumn id="4" xr3:uid="{F46EDA75-6969-40FE-AAD2-5A4C095E8DDE}" name="COLLATION"/>
    <tableColumn id="5" xr3:uid="{9EF709A6-E36F-4D59-BE33-DD23D2492E71}" name="SOURCE"/>
    <tableColumn id="6" xr3:uid="{0024C6FA-A2A7-4300-B52C-D03F1573C1FD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11"/>
  <sheetViews>
    <sheetView tabSelected="1" workbookViewId="0">
      <selection sqref="A1:B1"/>
    </sheetView>
  </sheetViews>
  <sheetFormatPr defaultRowHeight="18.75" x14ac:dyDescent="0.4"/>
  <cols>
    <col min="2" max="2" width="16.875" bestFit="1" customWidth="1"/>
  </cols>
  <sheetData>
    <row r="1" spans="1:2" x14ac:dyDescent="0.4">
      <c r="A1" s="1" t="s">
        <v>6</v>
      </c>
      <c r="B1" s="2" t="s">
        <v>7</v>
      </c>
    </row>
    <row r="2" spans="1:2" x14ac:dyDescent="0.4">
      <c r="A2">
        <v>1</v>
      </c>
      <c r="B2" t="s">
        <v>0</v>
      </c>
    </row>
    <row r="3" spans="1:2" x14ac:dyDescent="0.4">
      <c r="A3">
        <v>2</v>
      </c>
      <c r="B3" t="s">
        <v>1</v>
      </c>
    </row>
    <row r="4" spans="1:2" x14ac:dyDescent="0.4">
      <c r="A4">
        <v>3</v>
      </c>
      <c r="B4" t="s">
        <v>2</v>
      </c>
    </row>
    <row r="5" spans="1:2" x14ac:dyDescent="0.4">
      <c r="A5">
        <v>4</v>
      </c>
      <c r="B5" t="s">
        <v>3</v>
      </c>
    </row>
    <row r="6" spans="1:2" x14ac:dyDescent="0.4">
      <c r="A6">
        <v>5</v>
      </c>
      <c r="B6" t="s">
        <v>4</v>
      </c>
    </row>
    <row r="7" spans="1:2" x14ac:dyDescent="0.4">
      <c r="A7">
        <v>6</v>
      </c>
      <c r="B7" t="s">
        <v>4</v>
      </c>
    </row>
    <row r="8" spans="1:2" x14ac:dyDescent="0.4">
      <c r="A8">
        <v>7</v>
      </c>
      <c r="B8" t="s">
        <v>4</v>
      </c>
    </row>
    <row r="9" spans="1:2" x14ac:dyDescent="0.4">
      <c r="A9">
        <v>8</v>
      </c>
      <c r="B9" t="s">
        <v>5</v>
      </c>
    </row>
    <row r="10" spans="1:2" x14ac:dyDescent="0.4">
      <c r="A10">
        <v>9</v>
      </c>
      <c r="B10" t="s">
        <v>4</v>
      </c>
    </row>
    <row r="11" spans="1:2" x14ac:dyDescent="0.4">
      <c r="A11">
        <v>10</v>
      </c>
      <c r="B11" t="s">
        <v>4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5"/>
  <sheetViews>
    <sheetView workbookViewId="0">
      <selection activeCell="C9" sqref="C9"/>
    </sheetView>
  </sheetViews>
  <sheetFormatPr defaultRowHeight="18.75" x14ac:dyDescent="0.4"/>
  <sheetData>
    <row r="1" spans="1:6" x14ac:dyDescent="0.4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3</v>
      </c>
    </row>
    <row r="2" spans="1:6" x14ac:dyDescent="0.4">
      <c r="A2">
        <v>1</v>
      </c>
      <c r="B2" s="3" t="s">
        <v>14</v>
      </c>
      <c r="C2">
        <v>12</v>
      </c>
      <c r="D2" s="3"/>
      <c r="F2" s="3"/>
    </row>
    <row r="3" spans="1:6" x14ac:dyDescent="0.4">
      <c r="A3">
        <v>2</v>
      </c>
      <c r="B3" s="3" t="s">
        <v>15</v>
      </c>
      <c r="C3">
        <v>16</v>
      </c>
      <c r="D3" s="3" t="s">
        <v>16</v>
      </c>
      <c r="F3" s="3"/>
    </row>
    <row r="4" spans="1:6" x14ac:dyDescent="0.4">
      <c r="B4" s="3"/>
      <c r="D4" s="3"/>
      <c r="E4">
        <v>1</v>
      </c>
      <c r="F4" s="3" t="s">
        <v>6</v>
      </c>
    </row>
    <row r="5" spans="1:6" x14ac:dyDescent="0.4">
      <c r="B5" s="3"/>
      <c r="D5" s="3"/>
      <c r="E5">
        <v>2</v>
      </c>
      <c r="F5" s="3" t="s">
        <v>7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CustomerGrade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2:20:21Z</dcterms:created>
  <dcterms:modified xsi:type="dcterms:W3CDTF">2024-02-26T04:35:02Z</dcterms:modified>
</cp:coreProperties>
</file>